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emertbak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161526C6-B63F-31D2-9009-A0CC4079343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34465" y="4855686"/>
            <a:ext cx="2579069" cy="16557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DDE1803E-DE8E-1C29-2C4B-9C1BC4F88F9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9" y="4198796"/>
            <a:ext cx="1492793" cy="95837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4-08-14T13:50:38Z</dcterms:modified>
</cp:coreProperties>
</file>